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2"/>
  <workbookPr defaultThemeVersion="124226"/>
  <bookViews>
    <workbookView xWindow="480" yWindow="75" windowWidth="18195" windowHeight="11760"/>
  </bookViews>
  <sheets>
    <sheet name="2015-16 Resourc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</externalReferences>
  <definedNames>
    <definedName name="_1__123Graph_LBL_ACHART_1" hidden="1">'[1]19951996'!$C$4:$N$4</definedName>
    <definedName name="_CJI3">'[2]CJI3 Pivot 8 May 09'!$A$4:$F$2194</definedName>
    <definedName name="_DAT1" localSheetId="0">#REF!</definedName>
    <definedName name="_DAT1">#REF!</definedName>
    <definedName name="_DAT10" localSheetId="0">#REF!</definedName>
    <definedName name="_DAT10">#REF!</definedName>
    <definedName name="_DAT11" localSheetId="0">#REF!</definedName>
    <definedName name="_DAT11">#REF!</definedName>
    <definedName name="_DAT12" localSheetId="0">#REF!</definedName>
    <definedName name="_DAT12">#REF!</definedName>
    <definedName name="_DAT13" localSheetId="0">#REF!</definedName>
    <definedName name="_DAT13">#REF!</definedName>
    <definedName name="_DAT14" localSheetId="0">#REF!</definedName>
    <definedName name="_DAT14">#REF!</definedName>
    <definedName name="_DAT2" localSheetId="0">#REF!</definedName>
    <definedName name="_DAT2">#REF!</definedName>
    <definedName name="_DAT3" localSheetId="0">#REF!</definedName>
    <definedName name="_DAT3">#REF!</definedName>
    <definedName name="_DAT4" localSheetId="0">#REF!</definedName>
    <definedName name="_DAT4">#REF!</definedName>
    <definedName name="_DAT5" localSheetId="0">#REF!</definedName>
    <definedName name="_DAT5">#REF!</definedName>
    <definedName name="_DAT6" localSheetId="0">#REF!</definedName>
    <definedName name="_DAT6">#REF!</definedName>
    <definedName name="_DAT7" localSheetId="0">#REF!</definedName>
    <definedName name="_DAT7">#REF!</definedName>
    <definedName name="_DAT8" localSheetId="0">#REF!</definedName>
    <definedName name="_DAT8">#REF!</definedName>
    <definedName name="_DAT9" localSheetId="0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 localSheetId="0">#REF!</definedName>
    <definedName name="_Lev1">#REF!</definedName>
    <definedName name="_Lev2" localSheetId="0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 localSheetId="0">#REF!</definedName>
    <definedName name="accident_cost">#REF!</definedName>
    <definedName name="Accruals07_lookup" localSheetId="0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 localSheetId="0">#REF!</definedName>
    <definedName name="AllData_2006">#REF!</definedName>
    <definedName name="AllProjects" localSheetId="0">#REF!</definedName>
    <definedName name="AllProjects">#REF!</definedName>
    <definedName name="area_committee" localSheetId="0">#REF!</definedName>
    <definedName name="area_committee">#REF!</definedName>
    <definedName name="ARREARS_BOROUGH" localSheetId="0">'[5]6.2'!#REF!</definedName>
    <definedName name="ARREARS_BOROUGH">'[5]6.2'!#REF!</definedName>
    <definedName name="AssetList" localSheetId="0">#REF!</definedName>
    <definedName name="AssetList">#REF!</definedName>
    <definedName name="au" localSheetId="0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 localSheetId="0">#REF!</definedName>
    <definedName name="augh">#REF!</definedName>
    <definedName name="aughoo" localSheetId="0">#REF!</definedName>
    <definedName name="aughoo">#REF!</definedName>
    <definedName name="Barnet_Highway_Gazetteer" localSheetId="0">#REF!</definedName>
    <definedName name="Barnet_Highway_Gazetteer">#REF!</definedName>
    <definedName name="boro_name" localSheetId="0">'[6]Budget figures'!#REF!</definedName>
    <definedName name="boro_name">'[6]Budget figures'!#REF!</definedName>
    <definedName name="cashbalance" localSheetId="0">#REF!</definedName>
    <definedName name="cashbalance">#REF!</definedName>
    <definedName name="CB_CW" localSheetId="0">#REF!</definedName>
    <definedName name="CB_CW">#REF!</definedName>
    <definedName name="CB_FW" localSheetId="0">#REF!</definedName>
    <definedName name="CB_FW">#REF!</definedName>
    <definedName name="CBBR1" localSheetId="0">#REF!</definedName>
    <definedName name="CBBR1">#REF!</definedName>
    <definedName name="CBCW1" localSheetId="0">#REF!</definedName>
    <definedName name="CBCW1">#REF!</definedName>
    <definedName name="CBFW1" localSheetId="0">#REF!</definedName>
    <definedName name="CBFW1">#REF!</definedName>
    <definedName name="CBLSS1" localSheetId="0">#REF!</definedName>
    <definedName name="CBLSS1">#REF!</definedName>
    <definedName name="CBTC1" localSheetId="0">#REF!</definedName>
    <definedName name="CBTC1">#REF!</definedName>
    <definedName name="co" localSheetId="0">#REF!</definedName>
    <definedName name="co">#REF!</definedName>
    <definedName name="colrefs" localSheetId="0">#REF!</definedName>
    <definedName name="colrefs">#REF!</definedName>
    <definedName name="Comms" localSheetId="0">#REF!</definedName>
    <definedName name="Comms">#REF!</definedName>
    <definedName name="cor" localSheetId="0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 localSheetId="0">#REF!</definedName>
    <definedName name="cut_dclg">#REF!</definedName>
    <definedName name="cut_defra" localSheetId="0">#REF!</definedName>
    <definedName name="cut_defra">#REF!</definedName>
    <definedName name="cut_dfe" localSheetId="0">#REF!</definedName>
    <definedName name="cut_dfe">#REF!</definedName>
    <definedName name="cut_dft" localSheetId="0">#REF!</definedName>
    <definedName name="cut_dft">#REF!</definedName>
    <definedName name="cut_total" localSheetId="0">#REF!</definedName>
    <definedName name="cut_total">#REF!</definedName>
    <definedName name="Data" localSheetId="0">#REF!</definedName>
    <definedName name="Data">#REF!</definedName>
    <definedName name="DATA1" localSheetId="0">#REF!</definedName>
    <definedName name="DATA1">#REF!</definedName>
    <definedName name="DATA10" localSheetId="0">#REF!</definedName>
    <definedName name="DATA10">#REF!</definedName>
    <definedName name="DATA11" localSheetId="0">#REF!</definedName>
    <definedName name="DATA11">#REF!</definedName>
    <definedName name="DATA12" localSheetId="0">#REF!</definedName>
    <definedName name="DATA12">#REF!</definedName>
    <definedName name="DATA13" localSheetId="0">#REF!</definedName>
    <definedName name="DATA13">#REF!</definedName>
    <definedName name="DATA14" localSheetId="0">#REF!</definedName>
    <definedName name="DATA14">#REF!</definedName>
    <definedName name="DATA15" localSheetId="0">#REF!</definedName>
    <definedName name="DATA15">#REF!</definedName>
    <definedName name="DATA16" localSheetId="0">#REF!</definedName>
    <definedName name="DATA16">#REF!</definedName>
    <definedName name="DATA17" localSheetId="0">#REF!</definedName>
    <definedName name="DATA17">#REF!</definedName>
    <definedName name="DATA18" localSheetId="0">#REF!</definedName>
    <definedName name="DATA18">#REF!</definedName>
    <definedName name="DATA19" localSheetId="0">#REF!</definedName>
    <definedName name="DATA19">#REF!</definedName>
    <definedName name="DATA2" localSheetId="0">#REF!</definedName>
    <definedName name="DATA2">#REF!</definedName>
    <definedName name="DATA20" localSheetId="0">#REF!</definedName>
    <definedName name="DATA20">#REF!</definedName>
    <definedName name="DATA21" localSheetId="0">#REF!</definedName>
    <definedName name="DATA21">#REF!</definedName>
    <definedName name="DATA22" localSheetId="0">#REF!</definedName>
    <definedName name="DATA22">#REF!</definedName>
    <definedName name="DATA23" localSheetId="0">#REF!</definedName>
    <definedName name="DATA23">#REF!</definedName>
    <definedName name="DATA24" localSheetId="0">#REF!</definedName>
    <definedName name="DATA24">#REF!</definedName>
    <definedName name="DATA25" localSheetId="0">'[7]HD07 RCCO journal'!#REF!</definedName>
    <definedName name="DATA25">'[7]HD07 RCCO journal'!#REF!</definedName>
    <definedName name="DATA3" localSheetId="0">#REF!</definedName>
    <definedName name="DATA3">#REF!</definedName>
    <definedName name="DATA4" localSheetId="0">#REF!</definedName>
    <definedName name="DATA4">#REF!</definedName>
    <definedName name="DATA5" localSheetId="0">#REF!</definedName>
    <definedName name="DATA5">#REF!</definedName>
    <definedName name="DATA6" localSheetId="0">#REF!</definedName>
    <definedName name="DATA6">#REF!</definedName>
    <definedName name="DATA7" localSheetId="0">#REF!</definedName>
    <definedName name="DATA7">#REF!</definedName>
    <definedName name="DATA8" localSheetId="0">#REF!</definedName>
    <definedName name="DATA8">#REF!</definedName>
    <definedName name="DATA9" localSheetId="0">#REF!</definedName>
    <definedName name="DATA9">#REF!</definedName>
    <definedName name="datarange1">[8]Highways!$A$1:$G$15</definedName>
    <definedName name="Dedicated_School_Grant" localSheetId="0">#REF!</definedName>
    <definedName name="Dedicated_School_Grant">#REF!</definedName>
    <definedName name="DWPdata" localSheetId="0">#REF!</definedName>
    <definedName name="DWPdata">#REF!</definedName>
    <definedName name="ecode" localSheetId="0">[9]Summary!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 localSheetId="0">#REF!</definedName>
    <definedName name="Ethnic_Minority_Achievement">#REF!</definedName>
    <definedName name="FGG_CW" localSheetId="0">#REF!</definedName>
    <definedName name="FGG_CW">#REF!</definedName>
    <definedName name="FGG_FW" localSheetId="0">#REF!</definedName>
    <definedName name="FGG_FW">#REF!</definedName>
    <definedName name="FGGBR1" localSheetId="0">#REF!</definedName>
    <definedName name="FGGBR1">#REF!</definedName>
    <definedName name="FGGCW1" localSheetId="0">#REF!</definedName>
    <definedName name="FGGCW1">#REF!</definedName>
    <definedName name="FGGFW1" localSheetId="0">#REF!</definedName>
    <definedName name="FGGFW1">#REF!</definedName>
    <definedName name="FGGLSS1" localSheetId="0">#REF!</definedName>
    <definedName name="FGGLSS1">#REF!</definedName>
    <definedName name="FGGTC1" localSheetId="0">#REF!</definedName>
    <definedName name="FGGTC1">#REF!</definedName>
    <definedName name="fleetlist">[10]Current_01.11.09!$A$5:$I$499</definedName>
    <definedName name="fletlist">[11]Current_01.1.10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 localSheetId="0">#REF!</definedName>
    <definedName name="HEN_CW">#REF!</definedName>
    <definedName name="HEN_FW" localSheetId="0">#REF!</definedName>
    <definedName name="HEN_FW">#REF!</definedName>
    <definedName name="HENBR1" localSheetId="0">#REF!</definedName>
    <definedName name="HENBR1">#REF!</definedName>
    <definedName name="HENCW1" localSheetId="0">#REF!</definedName>
    <definedName name="HENCW1">#REF!</definedName>
    <definedName name="HENFW1" localSheetId="0">#REF!</definedName>
    <definedName name="HENFW1">#REF!</definedName>
    <definedName name="HENLSS1" localSheetId="0">#REF!</definedName>
    <definedName name="HENLSS1">#REF!</definedName>
    <definedName name="HENTC1" localSheetId="0">#REF!</definedName>
    <definedName name="HENTC1">#REF!</definedName>
    <definedName name="hhh" localSheetId="0">#REF!</definedName>
    <definedName name="hhh">#REF!</definedName>
    <definedName name="Hillingdon" localSheetId="0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 localSheetId="0">[9]Summary!#REF!</definedName>
    <definedName name="LA">[9]Summary!#REF!</definedName>
    <definedName name="LAList" localSheetId="0">#REF!</definedName>
    <definedName name="LAList">#REF!</definedName>
    <definedName name="lookup" localSheetId="0">#REF!</definedName>
    <definedName name="lookup">#REF!</definedName>
    <definedName name="Loopup1" localSheetId="0">#REF!</definedName>
    <definedName name="Loopup1">#REF!</definedName>
    <definedName name="Month_lookup" localSheetId="0">#REF!</definedName>
    <definedName name="Month_lookup">#REF!</definedName>
    <definedName name="NHSAmb" localSheetId="0">#REF!</definedName>
    <definedName name="NHSAmb">#REF!</definedName>
    <definedName name="NHSAmbCode" localSheetId="0">#REF!</definedName>
    <definedName name="NHSAmbCode">#REF!</definedName>
    <definedName name="NHSAmbList" localSheetId="0">#REF!</definedName>
    <definedName name="NHSAmbList">#REF!</definedName>
    <definedName name="NHSdata" localSheetId="0">#REF!</definedName>
    <definedName name="NHSdata">#REF!</definedName>
    <definedName name="NHSTrust" localSheetId="0">#REF!</definedName>
    <definedName name="NHSTrust">#REF!</definedName>
    <definedName name="NHSTrustcode" localSheetId="0">#REF!</definedName>
    <definedName name="NHSTrustcode">#REF!</definedName>
    <definedName name="NHSTrustList" localSheetId="0">#REF!</definedName>
    <definedName name="NHSTrustList">#REF!</definedName>
    <definedName name="NonDFC" localSheetId="0">#REF!</definedName>
    <definedName name="NonDFC">#REF!</definedName>
    <definedName name="ocode" localSheetId="0">#REF!</definedName>
    <definedName name="ocode">#REF!</definedName>
    <definedName name="OList" localSheetId="0">#REF!</definedName>
    <definedName name="OList">#REF!</definedName>
    <definedName name="other" localSheetId="0">#REF!</definedName>
    <definedName name="other">#REF!</definedName>
    <definedName name="PAGE7_6" localSheetId="0">#REF!</definedName>
    <definedName name="PAGE7_6">#REF!</definedName>
    <definedName name="pass_results_0607_Query" localSheetId="0">#REF!</definedName>
    <definedName name="pass_results_0607_Query">#REF!</definedName>
    <definedName name="PCT" localSheetId="0">#REF!</definedName>
    <definedName name="PCT">#REF!</definedName>
    <definedName name="PCTcode" localSheetId="0">#REF!</definedName>
    <definedName name="PCTcode">#REF!</definedName>
    <definedName name="PCTdata" localSheetId="0">#REF!</definedName>
    <definedName name="PCTdata">#REF!</definedName>
    <definedName name="PCTList" localSheetId="0">#REF!</definedName>
    <definedName name="PCTList">#REF!</definedName>
    <definedName name="_xlnm.Print_Area" localSheetId="0">'2015-16 Resources'!$A$1:$C$34</definedName>
    <definedName name="_xlnm.Print_Titles" localSheetId="0">'[13]1997-98'!#REF!</definedName>
    <definedName name="_xlnm.Print_Titles">'[13]1997-98'!#REF!</definedName>
    <definedName name="PRINT_TITLES_MI" localSheetId="0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 localSheetId="0">#REF!</definedName>
    <definedName name="ro">#REF!</definedName>
    <definedName name="sap" localSheetId="0">#REF!</definedName>
    <definedName name="sap">#REF!</definedName>
    <definedName name="School_Lunch_Grant" localSheetId="0">#REF!</definedName>
    <definedName name="School_Lunch_Grant">#REF!</definedName>
    <definedName name="Section_58" localSheetId="0">#REF!</definedName>
    <definedName name="Section_58">#REF!</definedName>
    <definedName name="SHA" localSheetId="0">#REF!</definedName>
    <definedName name="SHA">#REF!</definedName>
    <definedName name="SHAcode" localSheetId="0">#REF!</definedName>
    <definedName name="SHAcode">#REF!</definedName>
    <definedName name="SHAdata" localSheetId="0">#REF!</definedName>
    <definedName name="SHAdata">#REF!</definedName>
    <definedName name="SHAList" localSheetId="0">#REF!</definedName>
    <definedName name="SHAList">#REF!</definedName>
    <definedName name="sheet1" localSheetId="0">'[15]Hid Raw Data'!#REF!</definedName>
    <definedName name="sheet1">'[15]Hid Raw Data'!#REF!</definedName>
    <definedName name="Status" localSheetId="0">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 localSheetId="0">#REF!</definedName>
    <definedName name="Targeted_Support_for_Primary___Secondary_Strategy">#REF!</definedName>
    <definedName name="TEST1" localSheetId="0">#REF!</definedName>
    <definedName name="TEST1">#REF!</definedName>
    <definedName name="TEST10" localSheetId="0">#REF!</definedName>
    <definedName name="TEST10">#REF!</definedName>
    <definedName name="TEST11" localSheetId="0">#REF!</definedName>
    <definedName name="TEST11">#REF!</definedName>
    <definedName name="TEST12" localSheetId="0">#REF!</definedName>
    <definedName name="TEST12">#REF!</definedName>
    <definedName name="TEST13" localSheetId="0">#REF!</definedName>
    <definedName name="TEST13">#REF!</definedName>
    <definedName name="TEST14" localSheetId="0">#REF!</definedName>
    <definedName name="TEST14">#REF!</definedName>
    <definedName name="TEST15" localSheetId="0">#REF!</definedName>
    <definedName name="TEST15">#REF!</definedName>
    <definedName name="TEST16" localSheetId="0">#REF!</definedName>
    <definedName name="TEST16">#REF!</definedName>
    <definedName name="TEST17" localSheetId="0">#REF!</definedName>
    <definedName name="TEST17">#REF!</definedName>
    <definedName name="TEST2" localSheetId="0">#REF!</definedName>
    <definedName name="TEST2">#REF!</definedName>
    <definedName name="TEST3" localSheetId="0">#REF!</definedName>
    <definedName name="TEST3">#REF!</definedName>
    <definedName name="TEST4" localSheetId="0">#REF!</definedName>
    <definedName name="TEST4">#REF!</definedName>
    <definedName name="TEST5" localSheetId="0">#REF!</definedName>
    <definedName name="TEST5">#REF!</definedName>
    <definedName name="TEST6" localSheetId="0">#REF!</definedName>
    <definedName name="TEST6">#REF!</definedName>
    <definedName name="TEST7" localSheetId="0">#REF!</definedName>
    <definedName name="TEST7">#REF!</definedName>
    <definedName name="TEST8" localSheetId="0">#REF!</definedName>
    <definedName name="TEST8">#REF!</definedName>
    <definedName name="TEST9" localSheetId="0">#REF!</definedName>
    <definedName name="TEST9">#REF!</definedName>
    <definedName name="TESTHKEY" localSheetId="0">#REF!</definedName>
    <definedName name="TESTHKEY">#REF!</definedName>
    <definedName name="TESTKEYS" localSheetId="0">#REF!</definedName>
    <definedName name="TESTKEYS">#REF!</definedName>
    <definedName name="TESTVKEY" localSheetId="0">#REF!</definedName>
    <definedName name="TESTVKEY">#REF!</definedName>
    <definedName name="totamtdue" localSheetId="0">#REF!</definedName>
    <definedName name="totamtdue">#REF!</definedName>
    <definedName name="totamtrecd" localSheetId="0">#REF!</definedName>
    <definedName name="totamtrecd">#REF!</definedName>
    <definedName name="totowing" localSheetId="0">#REF!</definedName>
    <definedName name="totowing">#REF!</definedName>
    <definedName name="Trishal_format_lookup_data" localSheetId="0">#REF!</definedName>
    <definedName name="Trishal_format_lookup_data">#REF!</definedName>
    <definedName name="Type_lookup_range" localSheetId="0">#REF!</definedName>
    <definedName name="Type_lookup_range">#REF!</definedName>
    <definedName name="UpperCode" localSheetId="0">#REF!</definedName>
    <definedName name="UpperCode">#REF!</definedName>
    <definedName name="UpperList" localSheetId="0">#REF!</definedName>
    <definedName name="UpperList">#REF!</definedName>
    <definedName name="UpperTier" localSheetId="0">#REF!</definedName>
    <definedName name="UpperTier">#REF!</definedName>
    <definedName name="Values" localSheetId="0">#REF!</definedName>
    <definedName name="Values">#REF!</definedName>
    <definedName name="VT_RANKING_CI_TABLE_WITH_NSG" localSheetId="0">#REF!</definedName>
    <definedName name="VT_RANKING_CI_TABLE_WITH_NSG">#REF!</definedName>
    <definedName name="WBS_lookup_range" localSheetId="0">#REF!</definedName>
    <definedName name="WBS_lookup_range">#REF!</definedName>
  </definedNames>
  <calcPr calcId="145621"/>
</workbook>
</file>

<file path=xl/sharedStrings.xml><?xml version="1.0" encoding="utf-8"?>
<sst xmlns="http://schemas.openxmlformats.org/spreadsheetml/2006/main" count="36" uniqueCount="30">
  <si>
    <t>1. SPA Accounts</t>
  </si>
  <si>
    <t>£'000</t>
  </si>
  <si>
    <t xml:space="preserve">Income </t>
  </si>
  <si>
    <t>Penalty Charge Notices</t>
  </si>
  <si>
    <t>11352 Special Parking Account</t>
  </si>
  <si>
    <t>Residents Permits</t>
  </si>
  <si>
    <t>Pay &amp; Display</t>
  </si>
  <si>
    <t>CCTV  Bus lanes</t>
  </si>
  <si>
    <t>Total Income</t>
  </si>
  <si>
    <t>Expenditure</t>
  </si>
  <si>
    <t>Operating Expenditure</t>
  </si>
  <si>
    <t>Net Operating Surplus</t>
  </si>
  <si>
    <t>Balance brought forward</t>
  </si>
  <si>
    <t>Appropriation to General Fund</t>
  </si>
  <si>
    <t>Usage identified below</t>
  </si>
  <si>
    <t>Balance Carried Forward</t>
  </si>
  <si>
    <t>2015-2016 Identified Usage</t>
  </si>
  <si>
    <t>Actual</t>
  </si>
  <si>
    <t>Highways Investment Programme</t>
  </si>
  <si>
    <t>Various Capital Projects incl PEPs</t>
  </si>
  <si>
    <t>Roads/footways programme - qualifying spend</t>
  </si>
  <si>
    <t>10635 - Road Structural Planned</t>
  </si>
  <si>
    <t>Highways Maintenance</t>
  </si>
  <si>
    <t>10890- Road Structural Responsive</t>
  </si>
  <si>
    <t>Concessionary Fares</t>
  </si>
  <si>
    <t>10016 - Levies</t>
  </si>
  <si>
    <t>SEN Transport</t>
  </si>
  <si>
    <t>10829 - In Borough Special School Transport</t>
  </si>
  <si>
    <t>Total Qualifying Expenditure</t>
  </si>
  <si>
    <t>Special Parking Account  Resources 2015-1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_#\,\-;\(#,\)"/>
    <numFmt numFmtId="165" formatCode="#,###;\(#,###\)"/>
    <numFmt numFmtId="166" formatCode="#,;\(#,\)"/>
    <numFmt numFmtId="167" formatCode="#,;[Red]\(#,\)"/>
    <numFmt numFmtId="168" formatCode="#.0,;[Red]\(#.0,\)"/>
  </numFmts>
  <fonts count="1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name val="Arial"/>
      <family val="2"/>
    </font>
    <font>
      <b/>
      <u/>
      <sz val="16"/>
      <name val="Arial"/>
      <family val="2"/>
    </font>
    <font>
      <sz val="16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i/>
      <sz val="10"/>
      <name val="Arial"/>
      <family val="2"/>
    </font>
    <font>
      <b/>
      <i/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6">
    <xf numFmtId="0" fontId="0" fillId="0" borderId="0"/>
    <xf numFmtId="43" fontId="1" fillId="0" borderId="0" applyFont="0" applyFill="0" applyBorder="0" applyAlignment="0" applyProtection="0"/>
    <xf numFmtId="0" fontId="3" fillId="0" borderId="0"/>
    <xf numFmtId="0" fontId="6" fillId="0" borderId="0"/>
    <xf numFmtId="0" fontId="10" fillId="0" borderId="0"/>
    <xf numFmtId="0" fontId="10" fillId="0" borderId="0"/>
    <xf numFmtId="0" fontId="10" fillId="0" borderId="0"/>
    <xf numFmtId="0" fontId="6" fillId="0" borderId="0"/>
    <xf numFmtId="43" fontId="6" fillId="0" borderId="0" applyFont="0" applyFill="0" applyBorder="0" applyAlignment="0" applyProtection="0"/>
    <xf numFmtId="44" fontId="6" fillId="0" borderId="0" applyFont="0" applyFill="0" applyBorder="0" applyAlignment="0" applyProtection="0"/>
    <xf numFmtId="0" fontId="11" fillId="0" borderId="10">
      <alignment vertical="center" wrapText="1"/>
    </xf>
    <xf numFmtId="0" fontId="12" fillId="0" borderId="0">
      <alignment horizontal="left" wrapText="1"/>
    </xf>
    <xf numFmtId="0" fontId="13" fillId="0" borderId="0">
      <alignment horizontal="left" vertical="center"/>
    </xf>
    <xf numFmtId="0" fontId="14" fillId="0" borderId="0"/>
    <xf numFmtId="0" fontId="6" fillId="0" borderId="0"/>
    <xf numFmtId="0" fontId="6" fillId="0" borderId="0"/>
  </cellStyleXfs>
  <cellXfs count="63">
    <xf numFmtId="0" fontId="0" fillId="0" borderId="0" xfId="0"/>
    <xf numFmtId="164" fontId="4" fillId="0" borderId="0" xfId="2" applyNumberFormat="1" applyFont="1" applyAlignment="1"/>
    <xf numFmtId="0" fontId="5" fillId="0" borderId="0" xfId="2" applyFont="1"/>
    <xf numFmtId="0" fontId="5" fillId="0" borderId="0" xfId="2" applyFont="1" applyFill="1"/>
    <xf numFmtId="0" fontId="6" fillId="0" borderId="0" xfId="2" applyFont="1" applyBorder="1" applyAlignment="1">
      <alignment wrapText="1"/>
    </xf>
    <xf numFmtId="0" fontId="6" fillId="0" borderId="1" xfId="2" applyFont="1" applyBorder="1"/>
    <xf numFmtId="0" fontId="6" fillId="0" borderId="0" xfId="2" applyFont="1" applyBorder="1"/>
    <xf numFmtId="0" fontId="6" fillId="0" borderId="0" xfId="2" applyFont="1" applyFill="1" applyBorder="1"/>
    <xf numFmtId="0" fontId="6" fillId="0" borderId="0" xfId="2" applyFont="1"/>
    <xf numFmtId="165" fontId="7" fillId="0" borderId="2" xfId="2" applyNumberFormat="1" applyFont="1" applyFill="1" applyBorder="1" applyAlignment="1">
      <alignment horizontal="left"/>
    </xf>
    <xf numFmtId="0" fontId="7" fillId="0" borderId="3" xfId="2" applyFont="1" applyBorder="1" applyAlignment="1">
      <alignment horizontal="center"/>
    </xf>
    <xf numFmtId="0" fontId="6" fillId="0" borderId="4" xfId="2" applyFont="1" applyBorder="1"/>
    <xf numFmtId="165" fontId="7" fillId="0" borderId="5" xfId="2" applyNumberFormat="1" applyFont="1" applyFill="1" applyBorder="1" applyAlignment="1">
      <alignment horizontal="left"/>
    </xf>
    <xf numFmtId="166" fontId="7" fillId="0" borderId="1" xfId="2" applyNumberFormat="1" applyFont="1" applyFill="1" applyBorder="1" applyAlignment="1">
      <alignment horizontal="center"/>
    </xf>
    <xf numFmtId="0" fontId="6" fillId="0" borderId="6" xfId="2" applyFont="1" applyFill="1" applyBorder="1"/>
    <xf numFmtId="0" fontId="7" fillId="0" borderId="5" xfId="2" applyFont="1" applyBorder="1" applyAlignment="1">
      <alignment wrapText="1"/>
    </xf>
    <xf numFmtId="165" fontId="6" fillId="0" borderId="5" xfId="2" applyNumberFormat="1" applyFont="1" applyBorder="1"/>
    <xf numFmtId="167" fontId="6" fillId="0" borderId="0" xfId="2" applyNumberFormat="1" applyFont="1" applyFill="1" applyBorder="1"/>
    <xf numFmtId="0" fontId="6" fillId="0" borderId="6" xfId="2" applyNumberFormat="1" applyFont="1" applyFill="1" applyBorder="1" applyAlignment="1">
      <alignment horizontal="left"/>
    </xf>
    <xf numFmtId="49" fontId="6" fillId="0" borderId="0" xfId="2" applyNumberFormat="1" applyFont="1" applyFill="1" applyBorder="1" applyAlignment="1">
      <alignment horizontal="left"/>
    </xf>
    <xf numFmtId="167" fontId="6" fillId="0" borderId="1" xfId="2" applyNumberFormat="1" applyFont="1" applyFill="1" applyBorder="1"/>
    <xf numFmtId="165" fontId="7" fillId="0" borderId="5" xfId="2" applyNumberFormat="1" applyFont="1" applyBorder="1" applyAlignment="1">
      <alignment horizontal="right"/>
    </xf>
    <xf numFmtId="167" fontId="7" fillId="0" borderId="7" xfId="2" applyNumberFormat="1" applyFont="1" applyFill="1" applyBorder="1"/>
    <xf numFmtId="0" fontId="6" fillId="0" borderId="5" xfId="2" applyNumberFormat="1" applyFont="1" applyFill="1" applyBorder="1" applyAlignment="1">
      <alignment horizontal="left"/>
    </xf>
    <xf numFmtId="49" fontId="6" fillId="0" borderId="6" xfId="2" applyNumberFormat="1" applyFont="1" applyFill="1" applyBorder="1" applyAlignment="1">
      <alignment horizontal="left"/>
    </xf>
    <xf numFmtId="0" fontId="7" fillId="0" borderId="0" xfId="2" applyFont="1"/>
    <xf numFmtId="49" fontId="6" fillId="0" borderId="5" xfId="2" applyNumberFormat="1" applyFont="1" applyFill="1" applyBorder="1" applyAlignment="1">
      <alignment horizontal="left"/>
    </xf>
    <xf numFmtId="38" fontId="0" fillId="0" borderId="0" xfId="0" applyNumberFormat="1"/>
    <xf numFmtId="3" fontId="0" fillId="0" borderId="0" xfId="0" applyNumberFormat="1" applyFill="1"/>
    <xf numFmtId="167" fontId="7" fillId="0" borderId="3" xfId="2" applyNumberFormat="1" applyFont="1" applyFill="1" applyBorder="1"/>
    <xf numFmtId="165" fontId="6" fillId="0" borderId="5" xfId="2" applyNumberFormat="1" applyFont="1" applyFill="1" applyBorder="1" applyAlignment="1">
      <alignment horizontal="right"/>
    </xf>
    <xf numFmtId="0" fontId="8" fillId="0" borderId="6" xfId="2" applyFont="1" applyFill="1" applyBorder="1"/>
    <xf numFmtId="167" fontId="6" fillId="0" borderId="0" xfId="2" applyNumberFormat="1" applyFont="1"/>
    <xf numFmtId="165" fontId="6" fillId="0" borderId="5" xfId="2" applyNumberFormat="1" applyFont="1" applyFill="1" applyBorder="1" applyAlignment="1">
      <alignment horizontal="left"/>
    </xf>
    <xf numFmtId="167" fontId="7" fillId="0" borderId="0" xfId="2" applyNumberFormat="1" applyFont="1" applyFill="1" applyBorder="1"/>
    <xf numFmtId="165" fontId="6" fillId="0" borderId="5" xfId="2" applyNumberFormat="1" applyFont="1" applyFill="1" applyBorder="1"/>
    <xf numFmtId="167" fontId="7" fillId="2" borderId="0" xfId="2" applyNumberFormat="1" applyFont="1" applyFill="1" applyBorder="1"/>
    <xf numFmtId="0" fontId="9" fillId="0" borderId="6" xfId="2" applyFont="1" applyFill="1" applyBorder="1" applyAlignment="1">
      <alignment wrapText="1"/>
    </xf>
    <xf numFmtId="0" fontId="9" fillId="0" borderId="0" xfId="2" applyFont="1" applyFill="1" applyBorder="1" applyAlignment="1">
      <alignment wrapText="1"/>
    </xf>
    <xf numFmtId="38" fontId="2" fillId="0" borderId="0" xfId="0" applyNumberFormat="1" applyFont="1"/>
    <xf numFmtId="0" fontId="6" fillId="0" borderId="8" xfId="2" applyFont="1" applyBorder="1" applyAlignment="1">
      <alignment wrapText="1"/>
    </xf>
    <xf numFmtId="167" fontId="7" fillId="0" borderId="1" xfId="2" applyNumberFormat="1" applyFont="1" applyFill="1" applyBorder="1"/>
    <xf numFmtId="0" fontId="6" fillId="0" borderId="9" xfId="2" applyFont="1" applyFill="1" applyBorder="1"/>
    <xf numFmtId="165" fontId="7" fillId="0" borderId="5" xfId="2" applyNumberFormat="1" applyFont="1" applyBorder="1"/>
    <xf numFmtId="167" fontId="7" fillId="0" borderId="0" xfId="2" applyNumberFormat="1" applyFont="1" applyBorder="1" applyAlignment="1">
      <alignment horizontal="center"/>
    </xf>
    <xf numFmtId="167" fontId="7" fillId="0" borderId="1" xfId="2" applyNumberFormat="1" applyFont="1" applyFill="1" applyBorder="1" applyAlignment="1">
      <alignment horizontal="center"/>
    </xf>
    <xf numFmtId="167" fontId="7" fillId="0" borderId="0" xfId="2" applyNumberFormat="1" applyFont="1" applyFill="1" applyBorder="1" applyAlignment="1">
      <alignment horizontal="center"/>
    </xf>
    <xf numFmtId="0" fontId="6" fillId="0" borderId="6" xfId="2" applyFont="1" applyBorder="1"/>
    <xf numFmtId="165" fontId="6" fillId="0" borderId="5" xfId="2" applyNumberFormat="1" applyFont="1" applyFill="1" applyBorder="1" applyAlignment="1">
      <alignment wrapText="1"/>
    </xf>
    <xf numFmtId="168" fontId="6" fillId="0" borderId="0" xfId="2" applyNumberFormat="1" applyFont="1" applyFill="1" applyBorder="1" applyAlignment="1">
      <alignment horizontal="right"/>
    </xf>
    <xf numFmtId="0" fontId="8" fillId="0" borderId="0" xfId="2" applyFont="1" applyFill="1" applyBorder="1"/>
    <xf numFmtId="1" fontId="6" fillId="0" borderId="0" xfId="2" applyNumberFormat="1" applyFont="1" applyFill="1" applyBorder="1" applyAlignment="1">
      <alignment horizontal="right"/>
    </xf>
    <xf numFmtId="165" fontId="6" fillId="0" borderId="6" xfId="2" applyNumberFormat="1" applyFont="1" applyFill="1" applyBorder="1" applyAlignment="1">
      <alignment wrapText="1"/>
    </xf>
    <xf numFmtId="0" fontId="6" fillId="0" borderId="5" xfId="2" applyFont="1" applyFill="1" applyBorder="1" applyAlignment="1">
      <alignment wrapText="1"/>
    </xf>
    <xf numFmtId="43" fontId="8" fillId="0" borderId="0" xfId="1" applyFont="1" applyFill="1" applyBorder="1"/>
    <xf numFmtId="0" fontId="8" fillId="0" borderId="0" xfId="2" applyFont="1"/>
    <xf numFmtId="0" fontId="6" fillId="0" borderId="6" xfId="2" applyFont="1" applyFill="1" applyBorder="1" applyAlignment="1">
      <alignment wrapText="1"/>
    </xf>
    <xf numFmtId="0" fontId="6" fillId="0" borderId="0" xfId="2" applyFont="1" applyFill="1" applyBorder="1" applyAlignment="1">
      <alignment wrapText="1"/>
    </xf>
    <xf numFmtId="0" fontId="7" fillId="0" borderId="5" xfId="2" applyFont="1" applyBorder="1" applyAlignment="1">
      <alignment horizontal="right" wrapText="1"/>
    </xf>
    <xf numFmtId="1" fontId="7" fillId="2" borderId="7" xfId="2" applyNumberFormat="1" applyFont="1" applyFill="1" applyBorder="1" applyAlignment="1">
      <alignment horizontal="right"/>
    </xf>
    <xf numFmtId="0" fontId="6" fillId="0" borderId="9" xfId="2" applyFont="1" applyBorder="1"/>
    <xf numFmtId="0" fontId="6" fillId="0" borderId="0" xfId="2" applyFont="1" applyAlignment="1">
      <alignment wrapText="1"/>
    </xf>
    <xf numFmtId="0" fontId="6" fillId="0" borderId="0" xfId="2" applyFont="1" applyFill="1"/>
  </cellXfs>
  <cellStyles count="16">
    <cellStyle name="%" xfId="3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4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2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5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6"/>
    <cellStyle name="]_x000d__x000a_Zoomed=1_x000d__x000a_Row=0_x000d__x000a_Column=0_x000d__x000a_Height=0_x000d__x000a_Width=0_x000d__x000a_FontName=FoxFont_x000d__x000a_FontStyle=0_x000d__x000a_FontSize=9_x000d__x000a_PrtFontName=FoxPrin" xfId="7"/>
    <cellStyle name="Comma" xfId="1" builtinId="3"/>
    <cellStyle name="Comma 2" xfId="8"/>
    <cellStyle name="Currency 2" xfId="9"/>
    <cellStyle name="flashing" xfId="10"/>
    <cellStyle name="HeaderLEA" xfId="11"/>
    <cellStyle name="LEAName" xfId="12"/>
    <cellStyle name="Normal" xfId="0" builtinId="0"/>
    <cellStyle name="Normal 2" xfId="13"/>
    <cellStyle name="Normal 3" xfId="14"/>
    <cellStyle name="Normal 4" xfId="1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10" Type="http://schemas.openxmlformats.org/officeDocument/2006/relationships/externalLink" Target="externalLinks/externalLink9.xml"/><Relationship Id="rId19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HR%20&amp;%20E&amp;O\16.Core%20E&amp;O\Environmental%20Accountancy\Environment%202010-11\Closing%202010-11\Capital\Capital%20Financing\Financing%20Reconciliation\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51996"/>
      <sheetName val="19961997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/>
      <sheetData sheetId="2"/>
      <sheetData sheetId="3"/>
      <sheetData sheetId="4"/>
      <sheetData sheetId="5"/>
      <sheetData sheetId="6"/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</sheetNames>
    <sheetDataSet>
      <sheetData sheetId="0"/>
      <sheetData sheetId="1"/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</sheetNames>
    <sheetDataSet>
      <sheetData sheetId="0"/>
      <sheetData sheetId="1"/>
      <sheetData sheetId="2"/>
      <sheetData sheetId="3"/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</sheetNames>
    <sheetDataSet>
      <sheetData sheetId="0"/>
      <sheetData sheetId="1"/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/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ghways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59999389629810485"/>
    <pageSetUpPr fitToPage="1"/>
  </sheetPr>
  <dimension ref="A2:L34"/>
  <sheetViews>
    <sheetView tabSelected="1" zoomScale="85" workbookViewId="0">
      <selection activeCell="B7" sqref="B7:B33"/>
    </sheetView>
  </sheetViews>
  <sheetFormatPr defaultRowHeight="12.75" x14ac:dyDescent="0.2"/>
  <cols>
    <col min="1" max="1" width="56.7109375" style="61" customWidth="1"/>
    <col min="2" max="2" width="14.28515625" style="8" bestFit="1" customWidth="1"/>
    <col min="3" max="3" width="30" style="8" bestFit="1" customWidth="1"/>
    <col min="4" max="4" width="2.140625" style="62" customWidth="1"/>
    <col min="5" max="5" width="13.85546875" style="8" bestFit="1" customWidth="1"/>
    <col min="6" max="11" width="13.7109375" style="8" customWidth="1"/>
    <col min="12" max="16384" width="9.140625" style="8"/>
  </cols>
  <sheetData>
    <row r="2" spans="1:7" s="2" customFormat="1" ht="20.25" x14ac:dyDescent="0.3">
      <c r="A2" s="1" t="s">
        <v>29</v>
      </c>
      <c r="D2" s="3"/>
    </row>
    <row r="3" spans="1:7" x14ac:dyDescent="0.2">
      <c r="A3" s="4"/>
      <c r="B3" s="5"/>
      <c r="C3" s="6"/>
      <c r="D3" s="7"/>
    </row>
    <row r="4" spans="1:7" x14ac:dyDescent="0.2">
      <c r="A4" s="9" t="s">
        <v>0</v>
      </c>
      <c r="B4" s="10"/>
      <c r="C4" s="11"/>
      <c r="D4" s="7"/>
    </row>
    <row r="5" spans="1:7" x14ac:dyDescent="0.2">
      <c r="A5" s="12"/>
      <c r="B5" s="13" t="s">
        <v>1</v>
      </c>
      <c r="C5" s="14"/>
      <c r="D5" s="7"/>
    </row>
    <row r="6" spans="1:7" x14ac:dyDescent="0.2">
      <c r="A6" s="15" t="s">
        <v>2</v>
      </c>
      <c r="B6" s="6"/>
      <c r="C6" s="14"/>
      <c r="D6" s="7"/>
    </row>
    <row r="7" spans="1:7" x14ac:dyDescent="0.2">
      <c r="A7" s="16" t="s">
        <v>3</v>
      </c>
      <c r="B7" s="17">
        <v>-6084136.4199999999</v>
      </c>
      <c r="C7" s="18" t="s">
        <v>4</v>
      </c>
      <c r="D7" s="19"/>
    </row>
    <row r="8" spans="1:7" x14ac:dyDescent="0.2">
      <c r="A8" s="16" t="s">
        <v>5</v>
      </c>
      <c r="B8" s="17">
        <v>-2483370.89</v>
      </c>
      <c r="C8" s="18" t="s">
        <v>4</v>
      </c>
      <c r="D8" s="19"/>
    </row>
    <row r="9" spans="1:7" x14ac:dyDescent="0.2">
      <c r="A9" s="16" t="s">
        <v>6</v>
      </c>
      <c r="B9" s="17">
        <v>-3422316.88</v>
      </c>
      <c r="C9" s="18" t="s">
        <v>4</v>
      </c>
      <c r="D9" s="19"/>
    </row>
    <row r="10" spans="1:7" x14ac:dyDescent="0.2">
      <c r="A10" s="16" t="s">
        <v>7</v>
      </c>
      <c r="B10" s="20">
        <v>-590769.43999999994</v>
      </c>
      <c r="C10" s="18" t="s">
        <v>4</v>
      </c>
      <c r="D10" s="19"/>
    </row>
    <row r="11" spans="1:7" ht="13.5" thickBot="1" x14ac:dyDescent="0.25">
      <c r="A11" s="21" t="s">
        <v>8</v>
      </c>
      <c r="B11" s="22">
        <v>-12580593.630000001</v>
      </c>
      <c r="C11" s="14"/>
      <c r="D11" s="7"/>
    </row>
    <row r="12" spans="1:7" ht="13.5" thickTop="1" x14ac:dyDescent="0.2">
      <c r="A12" s="15" t="s">
        <v>9</v>
      </c>
      <c r="B12" s="17"/>
      <c r="C12" s="14"/>
      <c r="D12" s="7"/>
    </row>
    <row r="13" spans="1:7" x14ac:dyDescent="0.2">
      <c r="A13" s="23" t="s">
        <v>4</v>
      </c>
      <c r="B13" s="17">
        <v>0</v>
      </c>
      <c r="C13" s="24"/>
      <c r="D13" s="19"/>
      <c r="E13" s="25"/>
    </row>
    <row r="14" spans="1:7" x14ac:dyDescent="0.2">
      <c r="A14" s="26"/>
      <c r="B14" s="17"/>
      <c r="C14" s="24"/>
      <c r="D14" s="19"/>
    </row>
    <row r="15" spans="1:7" ht="15" x14ac:dyDescent="0.25">
      <c r="A15" s="26"/>
      <c r="B15" s="17"/>
      <c r="C15" s="24"/>
      <c r="D15" s="19"/>
      <c r="F15" s="27"/>
      <c r="G15" s="28"/>
    </row>
    <row r="16" spans="1:7" ht="15" x14ac:dyDescent="0.25">
      <c r="A16" s="21" t="s">
        <v>10</v>
      </c>
      <c r="B16" s="29">
        <v>5458148.6299999999</v>
      </c>
      <c r="C16" s="18" t="s">
        <v>4</v>
      </c>
      <c r="D16" s="7"/>
      <c r="F16" s="27"/>
      <c r="G16" s="28"/>
    </row>
    <row r="17" spans="1:12" ht="15" x14ac:dyDescent="0.25">
      <c r="A17" s="30"/>
      <c r="B17" s="17"/>
      <c r="C17" s="31"/>
      <c r="D17" s="7"/>
      <c r="E17" s="32"/>
      <c r="F17" s="27"/>
      <c r="G17" s="28"/>
    </row>
    <row r="18" spans="1:12" ht="15.75" thickBot="1" x14ac:dyDescent="0.3">
      <c r="A18" s="33" t="s">
        <v>11</v>
      </c>
      <c r="B18" s="22">
        <v>-7122445.0000000009</v>
      </c>
      <c r="C18" s="31"/>
      <c r="D18" s="7"/>
      <c r="F18" s="27"/>
      <c r="G18" s="28"/>
    </row>
    <row r="19" spans="1:12" ht="15.75" thickTop="1" x14ac:dyDescent="0.25">
      <c r="A19" s="33"/>
      <c r="B19" s="34"/>
      <c r="C19" s="31"/>
      <c r="D19" s="7"/>
      <c r="F19" s="27"/>
      <c r="G19" s="28"/>
    </row>
    <row r="20" spans="1:12" x14ac:dyDescent="0.2">
      <c r="A20" s="35" t="s">
        <v>12</v>
      </c>
      <c r="B20" s="34">
        <v>-1914000</v>
      </c>
      <c r="C20" s="14"/>
      <c r="D20" s="7"/>
      <c r="E20" s="7"/>
      <c r="F20" s="7"/>
      <c r="G20" s="7"/>
      <c r="H20" s="7"/>
      <c r="I20" s="7"/>
      <c r="J20" s="7"/>
    </row>
    <row r="21" spans="1:12" x14ac:dyDescent="0.2">
      <c r="A21" s="35" t="s">
        <v>13</v>
      </c>
      <c r="B21" s="36">
        <v>7122445</v>
      </c>
      <c r="C21" s="37" t="s">
        <v>14</v>
      </c>
      <c r="D21" s="38"/>
      <c r="E21" s="7"/>
      <c r="F21" s="7"/>
      <c r="G21" s="7"/>
      <c r="H21" s="7"/>
      <c r="I21" s="7"/>
      <c r="J21" s="7"/>
    </row>
    <row r="22" spans="1:12" ht="15.75" thickBot="1" x14ac:dyDescent="0.3">
      <c r="A22" s="35" t="s">
        <v>15</v>
      </c>
      <c r="B22" s="22">
        <v>-1914000</v>
      </c>
      <c r="C22" s="14"/>
      <c r="D22" s="7"/>
      <c r="E22" s="7"/>
      <c r="F22" s="27"/>
      <c r="G22" s="27"/>
      <c r="H22" s="39"/>
      <c r="I22" s="27"/>
      <c r="J22" s="27"/>
      <c r="K22" s="27"/>
      <c r="L22" s="28"/>
    </row>
    <row r="23" spans="1:12" ht="15.75" thickTop="1" x14ac:dyDescent="0.25">
      <c r="A23" s="40"/>
      <c r="B23" s="41"/>
      <c r="C23" s="42"/>
      <c r="D23" s="7"/>
      <c r="E23" s="7"/>
      <c r="F23" s="27"/>
      <c r="G23" s="27"/>
      <c r="H23" s="39"/>
      <c r="I23" s="27"/>
      <c r="J23" s="27"/>
      <c r="K23" s="27"/>
      <c r="L23" s="28"/>
    </row>
    <row r="24" spans="1:12" ht="15" x14ac:dyDescent="0.25">
      <c r="A24" s="43" t="s">
        <v>16</v>
      </c>
      <c r="B24" s="44" t="s">
        <v>17</v>
      </c>
      <c r="C24" s="14"/>
      <c r="D24" s="7"/>
      <c r="E24" s="7"/>
      <c r="F24" s="27"/>
      <c r="G24" s="27"/>
      <c r="H24" s="39"/>
      <c r="I24" s="27"/>
      <c r="J24" s="27"/>
      <c r="K24" s="27"/>
      <c r="L24" s="28"/>
    </row>
    <row r="25" spans="1:12" ht="15" x14ac:dyDescent="0.25">
      <c r="A25" s="43"/>
      <c r="B25" s="45" t="s">
        <v>1</v>
      </c>
      <c r="C25" s="14"/>
      <c r="D25" s="7"/>
      <c r="E25" s="7"/>
      <c r="F25" s="27"/>
      <c r="G25" s="27"/>
      <c r="H25" s="39"/>
      <c r="I25" s="27"/>
      <c r="J25" s="27"/>
      <c r="K25" s="27"/>
      <c r="L25" s="28"/>
    </row>
    <row r="26" spans="1:12" ht="15" x14ac:dyDescent="0.25">
      <c r="A26" s="43"/>
      <c r="B26" s="46"/>
      <c r="C26" s="47"/>
      <c r="D26" s="7"/>
      <c r="E26" s="7"/>
      <c r="F26" s="27"/>
      <c r="G26" s="27"/>
      <c r="H26" s="39"/>
      <c r="I26" s="27"/>
      <c r="J26" s="27"/>
      <c r="K26" s="27"/>
      <c r="L26" s="28"/>
    </row>
    <row r="27" spans="1:12" x14ac:dyDescent="0.2">
      <c r="A27" s="48" t="s">
        <v>18</v>
      </c>
      <c r="B27" s="49">
        <v>0</v>
      </c>
      <c r="C27" s="24" t="s">
        <v>19</v>
      </c>
      <c r="D27" s="19"/>
      <c r="E27" s="50"/>
      <c r="F27" s="7"/>
      <c r="G27" s="7"/>
      <c r="H27" s="7"/>
      <c r="I27" s="7"/>
      <c r="J27" s="7"/>
    </row>
    <row r="28" spans="1:12" x14ac:dyDescent="0.2">
      <c r="A28" s="48" t="s">
        <v>20</v>
      </c>
      <c r="B28" s="51">
        <v>348.37099999999998</v>
      </c>
      <c r="C28" s="52" t="s">
        <v>21</v>
      </c>
      <c r="D28" s="53"/>
      <c r="E28" s="54"/>
    </row>
    <row r="29" spans="1:12" ht="13.5" customHeight="1" x14ac:dyDescent="0.2">
      <c r="A29" s="48" t="s">
        <v>22</v>
      </c>
      <c r="B29" s="51">
        <v>2310.9307799999997</v>
      </c>
      <c r="C29" s="52" t="s">
        <v>23</v>
      </c>
      <c r="D29" s="53"/>
      <c r="E29" s="50"/>
    </row>
    <row r="30" spans="1:12" x14ac:dyDescent="0.2">
      <c r="A30" s="48" t="s">
        <v>24</v>
      </c>
      <c r="B30" s="51">
        <v>15151.821</v>
      </c>
      <c r="C30" s="52" t="s">
        <v>25</v>
      </c>
      <c r="D30" s="53"/>
      <c r="E30" s="55"/>
    </row>
    <row r="31" spans="1:12" ht="25.5" x14ac:dyDescent="0.2">
      <c r="A31" s="16" t="s">
        <v>26</v>
      </c>
      <c r="B31" s="51">
        <v>3077.47</v>
      </c>
      <c r="C31" s="56" t="s">
        <v>27</v>
      </c>
      <c r="D31" s="57"/>
      <c r="E31" s="50"/>
    </row>
    <row r="32" spans="1:12" x14ac:dyDescent="0.2">
      <c r="A32" s="16"/>
      <c r="B32" s="51"/>
      <c r="C32" s="56"/>
      <c r="D32" s="57"/>
    </row>
    <row r="33" spans="1:4" ht="13.5" thickBot="1" x14ac:dyDescent="0.25">
      <c r="A33" s="58" t="s">
        <v>28</v>
      </c>
      <c r="B33" s="59">
        <v>20888.592779999999</v>
      </c>
      <c r="C33" s="47"/>
      <c r="D33" s="7"/>
    </row>
    <row r="34" spans="1:4" ht="13.5" thickTop="1" x14ac:dyDescent="0.2">
      <c r="A34" s="40"/>
      <c r="B34" s="5"/>
      <c r="C34" s="60"/>
      <c r="D34" s="7"/>
    </row>
  </sheetData>
  <pageMargins left="0.36" right="0.28000000000000003" top="0.7" bottom="0.73" header="0.5" footer="0.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2015-16 Resources</vt:lpstr>
      <vt:lpstr>'2015-16 Resources'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pport</dc:creator>
  <cp:lastModifiedBy>Support</cp:lastModifiedBy>
  <dcterms:created xsi:type="dcterms:W3CDTF">2016-05-31T15:57:00Z</dcterms:created>
  <dcterms:modified xsi:type="dcterms:W3CDTF">2016-06-01T14:06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184410770</vt:i4>
  </property>
  <property fmtid="{D5CDD505-2E9C-101B-9397-08002B2CF9AE}" pid="3" name="_NewReviewCycle">
    <vt:lpwstr/>
  </property>
  <property fmtid="{D5CDD505-2E9C-101B-9397-08002B2CF9AE}" pid="4" name="_EmailSubject">
    <vt:lpwstr>SPA data for transparency code</vt:lpwstr>
  </property>
  <property fmtid="{D5CDD505-2E9C-101B-9397-08002B2CF9AE}" pid="5" name="_AuthorEmail">
    <vt:lpwstr>Tina.Mascio@barnet.gov.uk</vt:lpwstr>
  </property>
  <property fmtid="{D5CDD505-2E9C-101B-9397-08002B2CF9AE}" pid="6" name="_AuthorEmailDisplayName">
    <vt:lpwstr>Mascio, Tina</vt:lpwstr>
  </property>
  <property fmtid="{D5CDD505-2E9C-101B-9397-08002B2CF9AE}" pid="7" name="_ReviewingToolsShownOnce">
    <vt:lpwstr/>
  </property>
</Properties>
</file>